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2-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2-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chiermonnikoog/"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schermopname, Lettertype, logo&#10;&#10;Automatisch gegenereerde beschrijving">
            <a:extLst>
              <a:ext uri="{FF2B5EF4-FFF2-40B4-BE49-F238E27FC236}">
                <a16:creationId xmlns:a16="http://schemas.microsoft.com/office/drawing/2014/main" id="{06B46656-624B-34AD-2153-0D93BC018103}"/>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23819" y="4618519"/>
            <a:ext cx="2827381" cy="2001786"/>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schermopname, Lettertype, logo&#10;&#10;Automatisch gegenereerde beschrijving">
            <a:extLst>
              <a:ext uri="{FF2B5EF4-FFF2-40B4-BE49-F238E27FC236}">
                <a16:creationId xmlns:a16="http://schemas.microsoft.com/office/drawing/2014/main" id="{3F13DC01-533F-92B5-C468-B99856E44364}"/>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94562" y="3712021"/>
            <a:ext cx="2263466" cy="1602534"/>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2-12T16:39:28Z</dcterms:modified>
</cp:coreProperties>
</file>